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C:\Users\s3015256\AppData\Local\Microsoft\Windows\INetCache\Content.Outlook\4RHA04Q5\"/>
    </mc:Choice>
  </mc:AlternateContent>
  <xr:revisionPtr revIDLastSave="0" documentId="8_{EA1C3A25-82F9-4276-818E-4381BF4DB5FD}" xr6:coauthVersionLast="47" xr6:coauthVersionMax="47" xr10:uidLastSave="{00000000-0000-0000-0000-000000000000}"/>
  <bookViews>
    <workbookView xWindow="-28920" yWindow="-120" windowWidth="29040" windowHeight="15720" xr2:uid="{00000000-000D-0000-FFFF-FFFF00000000}"/>
  </bookViews>
  <sheets>
    <sheet name="Garda Workforce 2026" sheetId="14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" uniqueCount="36">
  <si>
    <t>Commissioner</t>
  </si>
  <si>
    <t>Deputy Commissioner</t>
  </si>
  <si>
    <t>Chief Superintendent</t>
  </si>
  <si>
    <t>Superintendent</t>
  </si>
  <si>
    <t>Inspector</t>
  </si>
  <si>
    <t>Sergeant</t>
  </si>
  <si>
    <t>Garda</t>
  </si>
  <si>
    <t>Career Breaks</t>
  </si>
  <si>
    <t>Work-sharing</t>
  </si>
  <si>
    <t>Maternity Leave</t>
  </si>
  <si>
    <t>Unpaid Maternity Leave</t>
  </si>
  <si>
    <t>Total Garda Strength</t>
  </si>
  <si>
    <t>Reserves</t>
  </si>
  <si>
    <t xml:space="preserve">Total Workforce    </t>
  </si>
  <si>
    <t xml:space="preserve">Please note: </t>
  </si>
  <si>
    <r>
      <t xml:space="preserve">          </t>
    </r>
    <r>
      <rPr>
        <sz val="11"/>
        <color theme="1"/>
        <rFont val="Symbol"/>
        <family val="1"/>
        <charset val="2"/>
      </rPr>
      <t>·</t>
    </r>
    <r>
      <rPr>
        <sz val="11"/>
        <color theme="1"/>
        <rFont val="Calibri"/>
        <family val="2"/>
        <scheme val="minor"/>
      </rPr>
      <t>       </t>
    </r>
    <r>
      <rPr>
        <i/>
        <sz val="11"/>
        <color theme="1"/>
        <rFont val="Calibri"/>
        <family val="2"/>
        <scheme val="minor"/>
      </rPr>
      <t>The distribution of Gardaí is an operational matter determined by An Garda Síochána based on a range of factors including population, crime trends, area, operational strategies, policing arrangements, etc.</t>
    </r>
  </si>
  <si>
    <t>Paternity Leave</t>
  </si>
  <si>
    <t>SUB TOTAL                        (available strength)</t>
  </si>
  <si>
    <t>Assistant Commissioner</t>
  </si>
  <si>
    <t>Secondments (UN, Interpol, Europol, MAOC(N))</t>
  </si>
  <si>
    <t>Secondments (DEASP, FSI, Representative Bodies)</t>
  </si>
  <si>
    <t>Civilians (WTE)</t>
  </si>
  <si>
    <t>*The above information is based upon operational data which has been provided by An Garda Síochána and may be subject to change.</t>
  </si>
  <si>
    <r>
      <t xml:space="preserve">          </t>
    </r>
    <r>
      <rPr>
        <sz val="11"/>
        <color theme="1"/>
        <rFont val="Symbol"/>
        <family val="1"/>
        <charset val="2"/>
      </rPr>
      <t>·</t>
    </r>
    <r>
      <rPr>
        <sz val="11"/>
        <color theme="1"/>
        <rFont val="Calibri"/>
        <family val="2"/>
        <scheme val="minor"/>
      </rPr>
      <t>       </t>
    </r>
    <r>
      <rPr>
        <i/>
        <sz val="11"/>
        <color theme="1"/>
        <rFont val="Calibri"/>
        <family val="2"/>
        <scheme val="minor"/>
      </rPr>
      <t>Garda management keeps the distribution of resources under continual review</t>
    </r>
    <r>
      <rPr>
        <sz val="11"/>
        <color theme="1"/>
        <rFont val="Calibri"/>
        <family val="2"/>
        <scheme val="minor"/>
      </rPr>
      <t>.</t>
    </r>
  </si>
  <si>
    <r>
      <t xml:space="preserve">          </t>
    </r>
    <r>
      <rPr>
        <sz val="11"/>
        <color theme="1"/>
        <rFont val="Symbol"/>
        <family val="1"/>
        <charset val="2"/>
      </rPr>
      <t>·</t>
    </r>
    <r>
      <rPr>
        <i/>
        <sz val="11"/>
        <color theme="1"/>
        <rFont val="Calibri"/>
        <family val="2"/>
        <scheme val="minor"/>
      </rPr>
      <t xml:space="preserve">       A moratorium on Garda recruitment was imposed in 2010 and lifted in 2014. Since the Garda College re-opened in September 2014, a total of 4,993 new Garda recruits have attested and been assigned to mainstream duties nationwide.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t>Jan 2026</t>
  </si>
  <si>
    <t>18,022</t>
  </si>
  <si>
    <t>Feb 2026</t>
  </si>
  <si>
    <t>18,143</t>
  </si>
  <si>
    <t>March 2026</t>
  </si>
  <si>
    <t>18,008</t>
  </si>
  <si>
    <t>April 2026</t>
  </si>
  <si>
    <t>18,066</t>
  </si>
  <si>
    <t>May 2026</t>
  </si>
  <si>
    <t>AN GARDA SÍOCHÁNA WORKFORCE 31th of May 2026</t>
  </si>
  <si>
    <t>18,2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"/>
  </numFmts>
  <fonts count="11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4"/>
      <color theme="1"/>
      <name val="Calibri"/>
      <family val="2"/>
    </font>
    <font>
      <b/>
      <sz val="10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3"/>
      <color theme="1"/>
      <name val="Calibri"/>
      <family val="2"/>
      <scheme val="minor"/>
    </font>
    <font>
      <i/>
      <sz val="12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  <font>
      <sz val="11"/>
      <color theme="1"/>
      <name val="Symbol"/>
      <family val="1"/>
      <charset val="2"/>
    </font>
    <font>
      <b/>
      <sz val="11"/>
      <color rgb="FF1F497D"/>
      <name val="Calibri"/>
      <family val="2"/>
      <scheme val="minor"/>
    </font>
    <font>
      <sz val="8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3" tint="0.39997558519241921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3" tint="0.59999389629810485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1">
    <xf numFmtId="0" fontId="0" fillId="0" borderId="0" xfId="0"/>
    <xf numFmtId="0" fontId="0" fillId="3" borderId="1" xfId="0" applyFont="1" applyFill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3" fontId="0" fillId="3" borderId="1" xfId="0" applyNumberFormat="1" applyFont="1" applyFill="1" applyBorder="1" applyAlignment="1">
      <alignment horizontal="center" vertical="center"/>
    </xf>
    <xf numFmtId="3" fontId="0" fillId="0" borderId="1" xfId="0" applyNumberFormat="1" applyFont="1" applyFill="1" applyBorder="1" applyAlignment="1">
      <alignment horizontal="center" vertical="center"/>
    </xf>
    <xf numFmtId="3" fontId="4" fillId="4" borderId="1" xfId="0" applyNumberFormat="1" applyFont="1" applyFill="1" applyBorder="1" applyAlignment="1">
      <alignment horizontal="center" vertical="center"/>
    </xf>
    <xf numFmtId="3" fontId="0" fillId="0" borderId="1" xfId="0" applyNumberFormat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0" borderId="0" xfId="0" applyAlignment="1">
      <alignment horizontal="left"/>
    </xf>
    <xf numFmtId="0" fontId="6" fillId="0" borderId="0" xfId="0" applyFont="1" applyAlignment="1">
      <alignment horizontal="left" vertical="center"/>
    </xf>
    <xf numFmtId="0" fontId="9" fillId="0" borderId="0" xfId="0" applyFont="1" applyAlignment="1">
      <alignment horizontal="left" vertical="center"/>
    </xf>
    <xf numFmtId="0" fontId="3" fillId="0" borderId="1" xfId="0" applyFont="1" applyBorder="1" applyAlignment="1">
      <alignment horizontal="left" vertical="center"/>
    </xf>
    <xf numFmtId="0" fontId="1" fillId="3" borderId="1" xfId="0" applyFont="1" applyFill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1" fillId="4" borderId="1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left" vertical="center" wrapText="1"/>
    </xf>
    <xf numFmtId="0" fontId="4" fillId="4" borderId="1" xfId="0" applyFont="1" applyFill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/>
    </xf>
    <xf numFmtId="0" fontId="1" fillId="3" borderId="1" xfId="0" applyFont="1" applyFill="1" applyBorder="1" applyAlignment="1">
      <alignment horizontal="left" vertical="center"/>
    </xf>
    <xf numFmtId="0" fontId="5" fillId="2" borderId="1" xfId="0" applyFont="1" applyFill="1" applyBorder="1" applyAlignment="1">
      <alignment horizontal="left" vertical="center" wrapText="1"/>
    </xf>
    <xf numFmtId="49" fontId="5" fillId="2" borderId="1" xfId="0" applyNumberFormat="1" applyFont="1" applyFill="1" applyBorder="1" applyAlignment="1">
      <alignment horizontal="center"/>
    </xf>
    <xf numFmtId="49" fontId="4" fillId="0" borderId="1" xfId="0" applyNumberFormat="1" applyFont="1" applyBorder="1" applyAlignment="1">
      <alignment horizontal="center" wrapText="1"/>
    </xf>
    <xf numFmtId="164" fontId="4" fillId="4" borderId="1" xfId="0" applyNumberFormat="1" applyFont="1" applyFill="1" applyBorder="1" applyAlignment="1">
      <alignment horizontal="center" vertical="center"/>
    </xf>
    <xf numFmtId="0" fontId="0" fillId="0" borderId="0" xfId="0" applyFont="1" applyAlignment="1">
      <alignment horizontal="left" vertical="center" wrapText="1"/>
    </xf>
    <xf numFmtId="0" fontId="7" fillId="0" borderId="0" xfId="0" applyFont="1" applyAlignment="1">
      <alignment horizontal="left" vertical="top" wrapText="1"/>
    </xf>
    <xf numFmtId="0" fontId="0" fillId="0" borderId="0" xfId="0" applyFont="1" applyAlignment="1">
      <alignment horizontal="left" vertical="center"/>
    </xf>
    <xf numFmtId="0" fontId="2" fillId="2" borderId="4" xfId="0" applyFont="1" applyFill="1" applyBorder="1" applyAlignment="1">
      <alignment vertical="center"/>
    </xf>
    <xf numFmtId="0" fontId="2" fillId="0" borderId="3" xfId="0" applyFont="1" applyFill="1" applyBorder="1" applyAlignment="1">
      <alignment vertical="center"/>
    </xf>
    <xf numFmtId="0" fontId="2" fillId="4" borderId="2" xfId="0" applyFont="1" applyFill="1" applyBorder="1" applyAlignment="1">
      <alignment horizontal="center" vertical="center"/>
    </xf>
    <xf numFmtId="0" fontId="2" fillId="4" borderId="3" xfId="0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00FFCC"/>
      <color rgb="FF00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31"/>
  <sheetViews>
    <sheetView tabSelected="1" topLeftCell="A2" workbookViewId="0">
      <selection activeCell="G4" sqref="G4"/>
    </sheetView>
  </sheetViews>
  <sheetFormatPr defaultColWidth="19.81640625" defaultRowHeight="14.5" x14ac:dyDescent="0.35"/>
  <cols>
    <col min="1" max="1" width="22" style="9" customWidth="1"/>
    <col min="2" max="6" width="10.26953125" customWidth="1"/>
  </cols>
  <sheetData>
    <row r="1" spans="1:14" ht="18.5" x14ac:dyDescent="0.35">
      <c r="A1" s="29" t="s">
        <v>34</v>
      </c>
      <c r="B1" s="30"/>
      <c r="C1" s="30"/>
      <c r="D1" s="30"/>
      <c r="E1" s="30"/>
      <c r="F1" s="30"/>
      <c r="G1" s="28"/>
      <c r="H1" s="28"/>
      <c r="I1" s="28"/>
      <c r="J1" s="28"/>
      <c r="K1" s="28"/>
      <c r="L1" s="28"/>
      <c r="M1" s="28"/>
      <c r="N1" s="27"/>
    </row>
    <row r="2" spans="1:14" ht="31" x14ac:dyDescent="0.35">
      <c r="A2" s="12"/>
      <c r="B2" s="22" t="s">
        <v>25</v>
      </c>
      <c r="C2" s="22" t="s">
        <v>27</v>
      </c>
      <c r="D2" s="22" t="s">
        <v>29</v>
      </c>
      <c r="E2" s="22" t="s">
        <v>31</v>
      </c>
      <c r="F2" s="22" t="s">
        <v>33</v>
      </c>
    </row>
    <row r="3" spans="1:14" x14ac:dyDescent="0.35">
      <c r="A3" s="13" t="s">
        <v>0</v>
      </c>
      <c r="B3" s="1">
        <v>1</v>
      </c>
      <c r="C3" s="1">
        <v>1</v>
      </c>
      <c r="D3" s="1">
        <v>1</v>
      </c>
      <c r="E3" s="1">
        <v>1</v>
      </c>
      <c r="F3" s="1">
        <v>1</v>
      </c>
    </row>
    <row r="4" spans="1:14" x14ac:dyDescent="0.35">
      <c r="A4" s="14" t="s">
        <v>1</v>
      </c>
      <c r="B4" s="3">
        <v>1</v>
      </c>
      <c r="C4" s="3">
        <v>1</v>
      </c>
      <c r="D4" s="3">
        <v>1</v>
      </c>
      <c r="E4" s="3">
        <v>1</v>
      </c>
      <c r="F4" s="3">
        <v>2</v>
      </c>
    </row>
    <row r="5" spans="1:14" ht="26.25" customHeight="1" x14ac:dyDescent="0.35">
      <c r="A5" s="13" t="s">
        <v>18</v>
      </c>
      <c r="B5" s="1">
        <v>8</v>
      </c>
      <c r="C5" s="1">
        <v>8</v>
      </c>
      <c r="D5" s="1">
        <v>8</v>
      </c>
      <c r="E5" s="1">
        <v>8</v>
      </c>
      <c r="F5" s="1">
        <v>7</v>
      </c>
    </row>
    <row r="6" spans="1:14" x14ac:dyDescent="0.35">
      <c r="A6" s="14" t="s">
        <v>2</v>
      </c>
      <c r="B6" s="3">
        <v>46</v>
      </c>
      <c r="C6" s="3">
        <v>46</v>
      </c>
      <c r="D6" s="3">
        <v>48</v>
      </c>
      <c r="E6" s="3">
        <v>48</v>
      </c>
      <c r="F6" s="3">
        <v>48</v>
      </c>
    </row>
    <row r="7" spans="1:14" x14ac:dyDescent="0.35">
      <c r="A7" s="13" t="s">
        <v>3</v>
      </c>
      <c r="B7" s="1">
        <v>165</v>
      </c>
      <c r="C7" s="1">
        <v>165</v>
      </c>
      <c r="D7" s="1">
        <v>159</v>
      </c>
      <c r="E7" s="1">
        <v>157</v>
      </c>
      <c r="F7" s="1">
        <v>159</v>
      </c>
    </row>
    <row r="8" spans="1:14" x14ac:dyDescent="0.35">
      <c r="A8" s="14" t="s">
        <v>4</v>
      </c>
      <c r="B8" s="5">
        <v>478</v>
      </c>
      <c r="C8" s="5">
        <v>479</v>
      </c>
      <c r="D8" s="5">
        <v>477</v>
      </c>
      <c r="E8" s="5">
        <v>474</v>
      </c>
      <c r="F8" s="5">
        <v>467</v>
      </c>
    </row>
    <row r="9" spans="1:14" x14ac:dyDescent="0.35">
      <c r="A9" s="13" t="s">
        <v>5</v>
      </c>
      <c r="B9" s="4">
        <v>2174</v>
      </c>
      <c r="C9" s="4">
        <v>2166</v>
      </c>
      <c r="D9" s="4">
        <v>2200</v>
      </c>
      <c r="E9" s="4">
        <v>2195</v>
      </c>
      <c r="F9" s="4">
        <v>2193</v>
      </c>
    </row>
    <row r="10" spans="1:14" x14ac:dyDescent="0.35">
      <c r="A10" s="14" t="s">
        <v>6</v>
      </c>
      <c r="B10" s="5">
        <v>11524</v>
      </c>
      <c r="C10" s="5">
        <v>11663</v>
      </c>
      <c r="D10" s="5">
        <v>11601</v>
      </c>
      <c r="E10" s="5">
        <v>11577</v>
      </c>
      <c r="F10" s="5">
        <v>11744</v>
      </c>
    </row>
    <row r="11" spans="1:14" ht="29" x14ac:dyDescent="0.35">
      <c r="A11" s="15" t="s">
        <v>17</v>
      </c>
      <c r="B11" s="6">
        <v>14397</v>
      </c>
      <c r="C11" s="6">
        <v>14529</v>
      </c>
      <c r="D11" s="6">
        <v>14495</v>
      </c>
      <c r="E11" s="6">
        <v>14461</v>
      </c>
      <c r="F11" s="6">
        <v>14621</v>
      </c>
    </row>
    <row r="12" spans="1:14" x14ac:dyDescent="0.35">
      <c r="A12" s="14" t="s">
        <v>7</v>
      </c>
      <c r="B12" s="2">
        <v>29</v>
      </c>
      <c r="C12" s="2">
        <v>33</v>
      </c>
      <c r="D12" s="2">
        <v>33</v>
      </c>
      <c r="E12" s="2">
        <v>32</v>
      </c>
      <c r="F12" s="2">
        <v>35</v>
      </c>
    </row>
    <row r="13" spans="1:14" x14ac:dyDescent="0.35">
      <c r="A13" s="13" t="s">
        <v>8</v>
      </c>
      <c r="B13" s="1">
        <v>36</v>
      </c>
      <c r="C13" s="1">
        <v>35.5</v>
      </c>
      <c r="D13" s="1">
        <v>35</v>
      </c>
      <c r="E13" s="1">
        <v>34</v>
      </c>
      <c r="F13" s="1">
        <v>33</v>
      </c>
    </row>
    <row r="14" spans="1:14" ht="43.5" x14ac:dyDescent="0.35">
      <c r="A14" s="14" t="s">
        <v>19</v>
      </c>
      <c r="B14" s="2">
        <v>20</v>
      </c>
      <c r="C14" s="2">
        <v>20</v>
      </c>
      <c r="D14" s="2">
        <v>20</v>
      </c>
      <c r="E14" s="2">
        <v>20</v>
      </c>
      <c r="F14" s="2">
        <v>19</v>
      </c>
    </row>
    <row r="15" spans="1:14" ht="43.5" x14ac:dyDescent="0.35">
      <c r="A15" s="13" t="s">
        <v>20</v>
      </c>
      <c r="B15" s="1">
        <v>28</v>
      </c>
      <c r="C15" s="1">
        <v>28</v>
      </c>
      <c r="D15" s="1">
        <v>28</v>
      </c>
      <c r="E15" s="1">
        <v>28</v>
      </c>
      <c r="F15" s="1">
        <v>28</v>
      </c>
    </row>
    <row r="16" spans="1:14" x14ac:dyDescent="0.35">
      <c r="A16" s="16" t="s">
        <v>9</v>
      </c>
      <c r="B16" s="3">
        <v>56</v>
      </c>
      <c r="C16" s="3">
        <v>51</v>
      </c>
      <c r="D16" s="3">
        <v>41</v>
      </c>
      <c r="E16" s="3">
        <v>34</v>
      </c>
      <c r="F16" s="3">
        <v>37</v>
      </c>
    </row>
    <row r="17" spans="1:6" x14ac:dyDescent="0.35">
      <c r="A17" s="13" t="s">
        <v>10</v>
      </c>
      <c r="B17" s="1">
        <v>27</v>
      </c>
      <c r="C17" s="1">
        <v>29</v>
      </c>
      <c r="D17" s="1">
        <v>31</v>
      </c>
      <c r="E17" s="1">
        <v>30</v>
      </c>
      <c r="F17" s="1">
        <v>31</v>
      </c>
    </row>
    <row r="18" spans="1:6" x14ac:dyDescent="0.35">
      <c r="A18" s="16" t="s">
        <v>16</v>
      </c>
      <c r="B18" s="3">
        <v>14</v>
      </c>
      <c r="C18" s="3">
        <v>12</v>
      </c>
      <c r="D18" s="3">
        <v>14</v>
      </c>
      <c r="E18" s="3">
        <v>13</v>
      </c>
      <c r="F18" s="3">
        <v>8</v>
      </c>
    </row>
    <row r="19" spans="1:6" ht="15.5" x14ac:dyDescent="0.35">
      <c r="A19" s="17" t="s">
        <v>11</v>
      </c>
      <c r="B19" s="23">
        <v>14187</v>
      </c>
      <c r="C19" s="23">
        <v>14320.5</v>
      </c>
      <c r="D19" s="23">
        <v>14293</v>
      </c>
      <c r="E19" s="23">
        <v>14270</v>
      </c>
      <c r="F19" s="23">
        <v>14430</v>
      </c>
    </row>
    <row r="20" spans="1:6" x14ac:dyDescent="0.35">
      <c r="A20" s="18" t="s">
        <v>21</v>
      </c>
      <c r="B20" s="7">
        <v>3527.0800999999947</v>
      </c>
      <c r="C20" s="7">
        <v>3514</v>
      </c>
      <c r="D20" s="7">
        <v>3495.2</v>
      </c>
      <c r="E20" s="7">
        <v>3497</v>
      </c>
      <c r="F20" s="7">
        <v>3498</v>
      </c>
    </row>
    <row r="21" spans="1:6" x14ac:dyDescent="0.35">
      <c r="A21" s="19" t="s">
        <v>12</v>
      </c>
      <c r="B21" s="8">
        <v>308</v>
      </c>
      <c r="C21" s="8">
        <v>308</v>
      </c>
      <c r="D21" s="8">
        <v>300</v>
      </c>
      <c r="E21" s="8">
        <v>299</v>
      </c>
      <c r="F21" s="8">
        <v>295</v>
      </c>
    </row>
    <row r="22" spans="1:6" ht="17" x14ac:dyDescent="0.4">
      <c r="A22" s="20" t="s">
        <v>13</v>
      </c>
      <c r="B22" s="21" t="s">
        <v>26</v>
      </c>
      <c r="C22" s="21" t="s">
        <v>28</v>
      </c>
      <c r="D22" s="21" t="s">
        <v>30</v>
      </c>
      <c r="E22" s="21" t="s">
        <v>32</v>
      </c>
      <c r="F22" s="21" t="s">
        <v>35</v>
      </c>
    </row>
    <row r="24" spans="1:6" x14ac:dyDescent="0.35">
      <c r="A24" s="11" t="s">
        <v>22</v>
      </c>
    </row>
    <row r="25" spans="1:6" ht="15.5" x14ac:dyDescent="0.35">
      <c r="A25" s="10"/>
    </row>
    <row r="26" spans="1:6" ht="15.5" x14ac:dyDescent="0.35">
      <c r="A26" s="10" t="s">
        <v>14</v>
      </c>
    </row>
    <row r="27" spans="1:6" ht="45.75" customHeight="1" x14ac:dyDescent="0.35">
      <c r="A27" s="25" t="s">
        <v>24</v>
      </c>
    </row>
    <row r="28" spans="1:6" ht="30" customHeight="1" x14ac:dyDescent="0.35">
      <c r="A28" s="24" t="s">
        <v>15</v>
      </c>
    </row>
    <row r="29" spans="1:6" ht="42" customHeight="1" x14ac:dyDescent="0.35">
      <c r="A29" s="26" t="s">
        <v>23</v>
      </c>
    </row>
    <row r="30" spans="1:6" ht="21" customHeight="1" x14ac:dyDescent="0.35">
      <c r="A30" s="26"/>
    </row>
    <row r="31" spans="1:6" ht="45" customHeight="1" x14ac:dyDescent="0.35">
      <c r="A31" s="24"/>
    </row>
  </sheetData>
  <mergeCells count="1">
    <mergeCell ref="A1:F1"/>
  </mergeCells>
  <phoneticPr fontId="10" type="noConversion"/>
  <pageMargins left="0.7" right="0.7" top="0.75" bottom="0.75" header="0.3" footer="0.3"/>
  <pageSetup paperSize="9" orientation="portrait" r:id="rId1"/>
  <ignoredErrors>
    <ignoredError sqref="B22:F22" numberStoredAsText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822416A8C608F488112AF3787D9D22A" ma:contentTypeVersion="1" ma:contentTypeDescription="Create a new document." ma:contentTypeScope="" ma:versionID="5a9bfeead81fdf4ff77c8a27f47283a1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528b703dd574799a92ef0e49eac5b579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4D21DBC2-47EB-4B11-8840-F6F6AFEAC54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7F30536D-8EBA-4BA3-8E31-889189DA2F2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8EEEE5D-60E8-4EE7-874F-DB0230F669B3}">
  <ds:schemaRefs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Garda Workforce 2026</vt:lpstr>
    </vt:vector>
  </TitlesOfParts>
  <Company>Department of Justic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verall An Garda Síochána Workforce Strength 2006 to February 2023</dc:title>
  <dc:subject>Overall An Garda Síochána Workforce Strength 2006 to February 2023</dc:subject>
  <dc:creator>Transparency Division</dc:creator>
  <cp:lastModifiedBy>Thurston, Simon</cp:lastModifiedBy>
  <cp:lastPrinted>2021-08-19T12:23:47Z</cp:lastPrinted>
  <dcterms:created xsi:type="dcterms:W3CDTF">2020-06-19T07:34:47Z</dcterms:created>
  <dcterms:modified xsi:type="dcterms:W3CDTF">2026-06-26T11:23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822416A8C608F488112AF3787D9D22A</vt:lpwstr>
  </property>
  <property fmtid="{D5CDD505-2E9C-101B-9397-08002B2CF9AE}" pid="3" name="eDocs_FileTopics">
    <vt:lpwstr>11;#Agency|44108fae-445a-4354-acc4-156e9c8f5b42</vt:lpwstr>
  </property>
  <property fmtid="{D5CDD505-2E9C-101B-9397-08002B2CF9AE}" pid="4" name="eDocs_SeriesSubSeriesTaxHTField0">
    <vt:lpwstr>052|ccda36fd-e43f-4dbc-8518-92979d187487</vt:lpwstr>
  </property>
  <property fmtid="{D5CDD505-2E9C-101B-9397-08002B2CF9AE}" pid="5" name="eDocs_FileStatus">
    <vt:lpwstr>Live</vt:lpwstr>
  </property>
  <property fmtid="{D5CDD505-2E9C-101B-9397-08002B2CF9AE}" pid="6" name="eDocs_Year">
    <vt:lpwstr>3;#2019|b7efb421-d883-499e-a0fa-62c55daad1bc</vt:lpwstr>
  </property>
  <property fmtid="{D5CDD505-2E9C-101B-9397-08002B2CF9AE}" pid="7" name="eDocs_FileTopicsTaxHTField0">
    <vt:lpwstr>Agency|44108fae-445a-4354-acc4-156e9c8f5b42</vt:lpwstr>
  </property>
  <property fmtid="{D5CDD505-2E9C-101B-9397-08002B2CF9AE}" pid="8" name="eDocs_YearTaxHTField0">
    <vt:lpwstr>2019|b7efb421-d883-499e-a0fa-62c55daad1bc</vt:lpwstr>
  </property>
  <property fmtid="{D5CDD505-2E9C-101B-9397-08002B2CF9AE}" pid="9" name="TaxCatchAll">
    <vt:lpwstr>11;#Agency|44108fae-445a-4354-acc4-156e9c8f5b42;#4;#052|ccda36fd-e43f-4dbc-8518-92979d187487;#3;#2019|b7efb421-d883-499e-a0fa-62c55daad1bc;#10;#Public|91ebc7df-fdea-469a-974d-fda54c68dfd8</vt:lpwstr>
  </property>
  <property fmtid="{D5CDD505-2E9C-101B-9397-08002B2CF9AE}" pid="10" name="eDocs_FileName">
    <vt:lpwstr>DJE052-006-2019</vt:lpwstr>
  </property>
  <property fmtid="{D5CDD505-2E9C-101B-9397-08002B2CF9AE}" pid="11" name="eDocs_SeriesSubSeries">
    <vt:lpwstr>4;#052|ccda36fd-e43f-4dbc-8518-92979d187487</vt:lpwstr>
  </property>
  <property fmtid="{D5CDD505-2E9C-101B-9397-08002B2CF9AE}" pid="12" name="eDocs_SecurityClassificationTaxHTField0">
    <vt:lpwstr>Public|91ebc7df-fdea-469a-974d-fda54c68dfd8</vt:lpwstr>
  </property>
  <property fmtid="{D5CDD505-2E9C-101B-9397-08002B2CF9AE}" pid="13" name="eDocs_SecurityClassification">
    <vt:lpwstr>10;#Public|91ebc7df-fdea-469a-974d-fda54c68dfd8</vt:lpwstr>
  </property>
</Properties>
</file>